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05_市町村から\28_開成町〇　水道、下水道\"/>
    </mc:Choice>
  </mc:AlternateContent>
  <workbookProtection workbookAlgorithmName="SHA-512" workbookHashValue="cslMlmrEsqJOCWSA+nfNY57dZ1bAvsAxU0+KiOTQCwuUR5kgSPrpNcKqVLf5l5nVQafLnPuP04K3EXNyhLKHBg==" workbookSaltValue="L07UBO/O5YnGzjmebC4sHA==" workbookSpinCount="100000" lockStructure="1"/>
  <bookViews>
    <workbookView xWindow="0" yWindow="0" windowWidth="22572" windowHeight="7548"/>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E85" i="4" s="1"/>
  <c r="AH6" i="5"/>
  <c r="AG6" i="5"/>
  <c r="AF6" i="5"/>
  <c r="AE6" i="5"/>
  <c r="AD6" i="5"/>
  <c r="AC6" i="5"/>
  <c r="AB6" i="5"/>
  <c r="AA6" i="5"/>
  <c r="Z6" i="5"/>
  <c r="Y6" i="5"/>
  <c r="X6" i="5"/>
  <c r="W6" i="5"/>
  <c r="AT10" i="4" s="1"/>
  <c r="V6" i="5"/>
  <c r="AL10" i="4" s="1"/>
  <c r="U6" i="5"/>
  <c r="T6" i="5"/>
  <c r="S6" i="5"/>
  <c r="AL8" i="4" s="1"/>
  <c r="R6" i="5"/>
  <c r="Q6" i="5"/>
  <c r="P6" i="5"/>
  <c r="O6" i="5"/>
  <c r="I10" i="4" s="1"/>
  <c r="N6" i="5"/>
  <c r="M6" i="5"/>
  <c r="L6" i="5"/>
  <c r="K6" i="5"/>
  <c r="P8" i="4" s="1"/>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BB10" i="4"/>
  <c r="AD10" i="4"/>
  <c r="W10" i="4"/>
  <c r="P10" i="4"/>
  <c r="B10" i="4"/>
  <c r="BB8" i="4"/>
  <c r="AT8" i="4"/>
  <c r="AD8" i="4"/>
  <c r="W8" i="4"/>
  <c r="B8" i="4"/>
  <c r="B6" i="4"/>
</calcChain>
</file>

<file path=xl/sharedStrings.xml><?xml version="1.0" encoding="utf-8"?>
<sst xmlns="http://schemas.openxmlformats.org/spreadsheetml/2006/main" count="278" uniqueCount="117">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開成町</t>
  </si>
  <si>
    <t>法適用</t>
  </si>
  <si>
    <t>下水道事業</t>
  </si>
  <si>
    <t>公共下水道</t>
  </si>
  <si>
    <t>Cb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R"dd</t>
    <phoneticPr fontId="4"/>
  </si>
  <si>
    <t>←書式設定</t>
    <rPh sb="1" eb="3">
      <t>ショシキ</t>
    </rPh>
    <rPh sb="3" eb="5">
      <t>セッテイ</t>
    </rPh>
    <phoneticPr fontId="4"/>
  </si>
  <si>
    <t>　経常収支比率は105.09％であり100.00％を超えていますが、使用料収入の他に一般会計からの繰入を行っている状況です。
　経費回収率は100.00％を下回っており、類似団体の平均値と比較しても低い値となっています。
　支出面では、今後、管渠等の老朽化に伴う更新費用等の増大が想定されます。
　将来の更新費用等を見据えて経費節減や下水道使用料の見直しなど収支改善を行い経営の安定化を進めていく必要があります。</t>
    <rPh sb="52" eb="53">
      <t>オコナ</t>
    </rPh>
    <rPh sb="135" eb="136">
      <t>トウ</t>
    </rPh>
    <phoneticPr fontId="4"/>
  </si>
  <si>
    <t>　現状では耐用年数に達する管渠はなく、管渠の老朽化に伴う更新は行っておりません。
　しかしながら、将来の更新費用等を踏まえ計画的に更新が行えるようストックマネジメント計画などを策定する必要があります。
　ストックマネジメント計画などの策定により、具体的な将来更新需要を把握し、経営戦略に反映させ収支の改善を図りながら中長期的に経営の安定化が図れるように進めます。</t>
    <phoneticPr fontId="4"/>
  </si>
  <si>
    <t>　管渠については、耐用年数に達してないため管渠改善率は0.00％となっています。
　有形固定資産減価償却率は9.20％で類似団体平均値と比較しても低い数値であり老朽化の度合いは高くありません。現時点においてすぐに耐用年数に達する管渠はありませんが、管渠調査の定期的な実施やストックマネジメント計画などを作成して将来の管渠の更新について計画的に進めていく必要があります。</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15" fillId="0" borderId="6"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colors>
    <mruColors>
      <color rgb="FF0000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3D18-4647-AA1D-06159A8B5CF6}"/>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13</c:v>
                </c:pt>
                <c:pt idx="3">
                  <c:v>0.19</c:v>
                </c:pt>
                <c:pt idx="4">
                  <c:v>0.15</c:v>
                </c:pt>
              </c:numCache>
            </c:numRef>
          </c:val>
          <c:smooth val="0"/>
          <c:extLst>
            <c:ext xmlns:c16="http://schemas.microsoft.com/office/drawing/2014/chart" uri="{C3380CC4-5D6E-409C-BE32-E72D297353CC}">
              <c16:uniqueId val="{00000001-3D18-4647-AA1D-06159A8B5CF6}"/>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A5D6-47F3-B0C6-169C312AB451}"/>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55.73</c:v>
                </c:pt>
                <c:pt idx="3">
                  <c:v>58.12</c:v>
                </c:pt>
                <c:pt idx="4">
                  <c:v>58.14</c:v>
                </c:pt>
              </c:numCache>
            </c:numRef>
          </c:val>
          <c:smooth val="0"/>
          <c:extLst>
            <c:ext xmlns:c16="http://schemas.microsoft.com/office/drawing/2014/chart" uri="{C3380CC4-5D6E-409C-BE32-E72D297353CC}">
              <c16:uniqueId val="{00000001-A5D6-47F3-B0C6-169C312AB451}"/>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0</c:v>
                </c:pt>
                <c:pt idx="1">
                  <c:v>0</c:v>
                </c:pt>
                <c:pt idx="2">
                  <c:v>96.57</c:v>
                </c:pt>
                <c:pt idx="3">
                  <c:v>96.58</c:v>
                </c:pt>
                <c:pt idx="4">
                  <c:v>96.33</c:v>
                </c:pt>
              </c:numCache>
            </c:numRef>
          </c:val>
          <c:extLst>
            <c:ext xmlns:c16="http://schemas.microsoft.com/office/drawing/2014/chart" uri="{C3380CC4-5D6E-409C-BE32-E72D297353CC}">
              <c16:uniqueId val="{00000000-CDF9-4B51-AB4A-BED8F7468774}"/>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2.45</c:v>
                </c:pt>
                <c:pt idx="3">
                  <c:v>92.55</c:v>
                </c:pt>
                <c:pt idx="4">
                  <c:v>92.44</c:v>
                </c:pt>
              </c:numCache>
            </c:numRef>
          </c:val>
          <c:smooth val="0"/>
          <c:extLst>
            <c:ext xmlns:c16="http://schemas.microsoft.com/office/drawing/2014/chart" uri="{C3380CC4-5D6E-409C-BE32-E72D297353CC}">
              <c16:uniqueId val="{00000001-CDF9-4B51-AB4A-BED8F7468774}"/>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0</c:v>
                </c:pt>
                <c:pt idx="1">
                  <c:v>0</c:v>
                </c:pt>
                <c:pt idx="2">
                  <c:v>106.34</c:v>
                </c:pt>
                <c:pt idx="3">
                  <c:v>107.02</c:v>
                </c:pt>
                <c:pt idx="4">
                  <c:v>105.09</c:v>
                </c:pt>
              </c:numCache>
            </c:numRef>
          </c:val>
          <c:extLst>
            <c:ext xmlns:c16="http://schemas.microsoft.com/office/drawing/2014/chart" uri="{C3380CC4-5D6E-409C-BE32-E72D297353CC}">
              <c16:uniqueId val="{00000000-1908-4031-B2C9-02E0AD3A744A}"/>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1.51</c:v>
                </c:pt>
                <c:pt idx="3">
                  <c:v>103.78</c:v>
                </c:pt>
                <c:pt idx="4">
                  <c:v>103.57</c:v>
                </c:pt>
              </c:numCache>
            </c:numRef>
          </c:val>
          <c:smooth val="0"/>
          <c:extLst>
            <c:ext xmlns:c16="http://schemas.microsoft.com/office/drawing/2014/chart" uri="{C3380CC4-5D6E-409C-BE32-E72D297353CC}">
              <c16:uniqueId val="{00000001-1908-4031-B2C9-02E0AD3A744A}"/>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0</c:v>
                </c:pt>
                <c:pt idx="1">
                  <c:v>0</c:v>
                </c:pt>
                <c:pt idx="2">
                  <c:v>3.14</c:v>
                </c:pt>
                <c:pt idx="3">
                  <c:v>6.18</c:v>
                </c:pt>
                <c:pt idx="4">
                  <c:v>9.1999999999999993</c:v>
                </c:pt>
              </c:numCache>
            </c:numRef>
          </c:val>
          <c:extLst>
            <c:ext xmlns:c16="http://schemas.microsoft.com/office/drawing/2014/chart" uri="{C3380CC4-5D6E-409C-BE32-E72D297353CC}">
              <c16:uniqueId val="{00000000-A1A8-4B7C-8A57-6165CB95F0B6}"/>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16.37</c:v>
                </c:pt>
                <c:pt idx="3">
                  <c:v>18.829999999999998</c:v>
                </c:pt>
                <c:pt idx="4">
                  <c:v>23.14</c:v>
                </c:pt>
              </c:numCache>
            </c:numRef>
          </c:val>
          <c:smooth val="0"/>
          <c:extLst>
            <c:ext xmlns:c16="http://schemas.microsoft.com/office/drawing/2014/chart" uri="{C3380CC4-5D6E-409C-BE32-E72D297353CC}">
              <c16:uniqueId val="{00000001-A1A8-4B7C-8A57-6165CB95F0B6}"/>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06A1-4860-A1F4-CCBA1E8C07CC}"/>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98</c:v>
                </c:pt>
                <c:pt idx="3">
                  <c:v>0.56999999999999995</c:v>
                </c:pt>
                <c:pt idx="4">
                  <c:v>0.55000000000000004</c:v>
                </c:pt>
              </c:numCache>
            </c:numRef>
          </c:val>
          <c:smooth val="0"/>
          <c:extLst>
            <c:ext xmlns:c16="http://schemas.microsoft.com/office/drawing/2014/chart" uri="{C3380CC4-5D6E-409C-BE32-E72D297353CC}">
              <c16:uniqueId val="{00000001-06A1-4860-A1F4-CCBA1E8C07CC}"/>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23BD-4E4A-8A94-C62CBC89857A}"/>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37.86</c:v>
                </c:pt>
                <c:pt idx="3">
                  <c:v>19.829999999999998</c:v>
                </c:pt>
                <c:pt idx="4">
                  <c:v>21.3</c:v>
                </c:pt>
              </c:numCache>
            </c:numRef>
          </c:val>
          <c:smooth val="0"/>
          <c:extLst>
            <c:ext xmlns:c16="http://schemas.microsoft.com/office/drawing/2014/chart" uri="{C3380CC4-5D6E-409C-BE32-E72D297353CC}">
              <c16:uniqueId val="{00000001-23BD-4E4A-8A94-C62CBC89857A}"/>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0</c:v>
                </c:pt>
                <c:pt idx="1">
                  <c:v>0</c:v>
                </c:pt>
                <c:pt idx="2">
                  <c:v>29.55</c:v>
                </c:pt>
                <c:pt idx="3">
                  <c:v>50.79</c:v>
                </c:pt>
                <c:pt idx="4">
                  <c:v>74.680000000000007</c:v>
                </c:pt>
              </c:numCache>
            </c:numRef>
          </c:val>
          <c:extLst>
            <c:ext xmlns:c16="http://schemas.microsoft.com/office/drawing/2014/chart" uri="{C3380CC4-5D6E-409C-BE32-E72D297353CC}">
              <c16:uniqueId val="{00000000-E7A7-4CBF-A72F-6D8A202D3DC8}"/>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60.16</c:v>
                </c:pt>
                <c:pt idx="3">
                  <c:v>54.3</c:v>
                </c:pt>
                <c:pt idx="4">
                  <c:v>57.92</c:v>
                </c:pt>
              </c:numCache>
            </c:numRef>
          </c:val>
          <c:smooth val="0"/>
          <c:extLst>
            <c:ext xmlns:c16="http://schemas.microsoft.com/office/drawing/2014/chart" uri="{C3380CC4-5D6E-409C-BE32-E72D297353CC}">
              <c16:uniqueId val="{00000001-E7A7-4CBF-A72F-6D8A202D3DC8}"/>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0</c:v>
                </c:pt>
                <c:pt idx="1">
                  <c:v>0</c:v>
                </c:pt>
                <c:pt idx="2">
                  <c:v>942.19</c:v>
                </c:pt>
                <c:pt idx="3">
                  <c:v>920.72</c:v>
                </c:pt>
                <c:pt idx="4">
                  <c:v>815.99</c:v>
                </c:pt>
              </c:numCache>
            </c:numRef>
          </c:val>
          <c:extLst>
            <c:ext xmlns:c16="http://schemas.microsoft.com/office/drawing/2014/chart" uri="{C3380CC4-5D6E-409C-BE32-E72D297353CC}">
              <c16:uniqueId val="{00000000-7BB3-40F7-B218-23A6FEF549A1}"/>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917.44</c:v>
                </c:pt>
                <c:pt idx="3">
                  <c:v>856.88</c:v>
                </c:pt>
                <c:pt idx="4">
                  <c:v>799.49</c:v>
                </c:pt>
              </c:numCache>
            </c:numRef>
          </c:val>
          <c:smooth val="0"/>
          <c:extLst>
            <c:ext xmlns:c16="http://schemas.microsoft.com/office/drawing/2014/chart" uri="{C3380CC4-5D6E-409C-BE32-E72D297353CC}">
              <c16:uniqueId val="{00000001-7BB3-40F7-B218-23A6FEF549A1}"/>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0</c:v>
                </c:pt>
                <c:pt idx="1">
                  <c:v>0</c:v>
                </c:pt>
                <c:pt idx="2">
                  <c:v>73.87</c:v>
                </c:pt>
                <c:pt idx="3">
                  <c:v>70.44</c:v>
                </c:pt>
                <c:pt idx="4">
                  <c:v>74.91</c:v>
                </c:pt>
              </c:numCache>
            </c:numRef>
          </c:val>
          <c:extLst>
            <c:ext xmlns:c16="http://schemas.microsoft.com/office/drawing/2014/chart" uri="{C3380CC4-5D6E-409C-BE32-E72D297353CC}">
              <c16:uniqueId val="{00000000-9761-4354-923C-9222ADC70B66}"/>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85.34</c:v>
                </c:pt>
                <c:pt idx="3">
                  <c:v>89.01</c:v>
                </c:pt>
                <c:pt idx="4">
                  <c:v>89.09</c:v>
                </c:pt>
              </c:numCache>
            </c:numRef>
          </c:val>
          <c:smooth val="0"/>
          <c:extLst>
            <c:ext xmlns:c16="http://schemas.microsoft.com/office/drawing/2014/chart" uri="{C3380CC4-5D6E-409C-BE32-E72D297353CC}">
              <c16:uniqueId val="{00000001-9761-4354-923C-9222ADC70B66}"/>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0</c:v>
                </c:pt>
                <c:pt idx="1">
                  <c:v>0</c:v>
                </c:pt>
                <c:pt idx="2">
                  <c:v>150</c:v>
                </c:pt>
                <c:pt idx="3">
                  <c:v>145.30000000000001</c:v>
                </c:pt>
                <c:pt idx="4">
                  <c:v>145.21</c:v>
                </c:pt>
              </c:numCache>
            </c:numRef>
          </c:val>
          <c:extLst>
            <c:ext xmlns:c16="http://schemas.microsoft.com/office/drawing/2014/chart" uri="{C3380CC4-5D6E-409C-BE32-E72D297353CC}">
              <c16:uniqueId val="{00000000-01D5-4FD3-99E4-4DF0876BC943}"/>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49.27000000000001</c:v>
                </c:pt>
                <c:pt idx="3">
                  <c:v>147.08000000000001</c:v>
                </c:pt>
                <c:pt idx="4">
                  <c:v>142.76</c:v>
                </c:pt>
              </c:numCache>
            </c:numRef>
          </c:val>
          <c:smooth val="0"/>
          <c:extLst>
            <c:ext xmlns:c16="http://schemas.microsoft.com/office/drawing/2014/chart" uri="{C3380CC4-5D6E-409C-BE32-E72D297353CC}">
              <c16:uniqueId val="{00000001-01D5-4FD3-99E4-4DF0876BC943}"/>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38" zoomScale="70" zoomScaleNormal="70"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開成町</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7"/>
      <c r="D7" s="47"/>
      <c r="E7" s="47"/>
      <c r="F7" s="47"/>
      <c r="G7" s="47"/>
      <c r="H7" s="47"/>
      <c r="I7" s="47" t="s">
        <v>2</v>
      </c>
      <c r="J7" s="47"/>
      <c r="K7" s="47"/>
      <c r="L7" s="47"/>
      <c r="M7" s="47"/>
      <c r="N7" s="47"/>
      <c r="O7" s="47"/>
      <c r="P7" s="47" t="s">
        <v>3</v>
      </c>
      <c r="Q7" s="47"/>
      <c r="R7" s="47"/>
      <c r="S7" s="47"/>
      <c r="T7" s="47"/>
      <c r="U7" s="47"/>
      <c r="V7" s="47"/>
      <c r="W7" s="47" t="s">
        <v>4</v>
      </c>
      <c r="X7" s="47"/>
      <c r="Y7" s="47"/>
      <c r="Z7" s="47"/>
      <c r="AA7" s="47"/>
      <c r="AB7" s="47"/>
      <c r="AC7" s="47"/>
      <c r="AD7" s="47" t="s">
        <v>5</v>
      </c>
      <c r="AE7" s="47"/>
      <c r="AF7" s="47"/>
      <c r="AG7" s="47"/>
      <c r="AH7" s="47"/>
      <c r="AI7" s="47"/>
      <c r="AJ7" s="47"/>
      <c r="AK7" s="3"/>
      <c r="AL7" s="47" t="s">
        <v>6</v>
      </c>
      <c r="AM7" s="47"/>
      <c r="AN7" s="47"/>
      <c r="AO7" s="47"/>
      <c r="AP7" s="47"/>
      <c r="AQ7" s="47"/>
      <c r="AR7" s="47"/>
      <c r="AS7" s="47"/>
      <c r="AT7" s="47" t="s">
        <v>7</v>
      </c>
      <c r="AU7" s="47"/>
      <c r="AV7" s="47"/>
      <c r="AW7" s="47"/>
      <c r="AX7" s="47"/>
      <c r="AY7" s="47"/>
      <c r="AZ7" s="47"/>
      <c r="BA7" s="47"/>
      <c r="BB7" s="47" t="s">
        <v>8</v>
      </c>
      <c r="BC7" s="47"/>
      <c r="BD7" s="47"/>
      <c r="BE7" s="47"/>
      <c r="BF7" s="47"/>
      <c r="BG7" s="47"/>
      <c r="BH7" s="47"/>
      <c r="BI7" s="47"/>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Cb1</v>
      </c>
      <c r="X8" s="65"/>
      <c r="Y8" s="65"/>
      <c r="Z8" s="65"/>
      <c r="AA8" s="65"/>
      <c r="AB8" s="65"/>
      <c r="AC8" s="65"/>
      <c r="AD8" s="66" t="str">
        <f>データ!$M$6</f>
        <v>非設置</v>
      </c>
      <c r="AE8" s="66"/>
      <c r="AF8" s="66"/>
      <c r="AG8" s="66"/>
      <c r="AH8" s="66"/>
      <c r="AI8" s="66"/>
      <c r="AJ8" s="66"/>
      <c r="AK8" s="3"/>
      <c r="AL8" s="46">
        <f>データ!S6</f>
        <v>18386</v>
      </c>
      <c r="AM8" s="46"/>
      <c r="AN8" s="46"/>
      <c r="AO8" s="46"/>
      <c r="AP8" s="46"/>
      <c r="AQ8" s="46"/>
      <c r="AR8" s="46"/>
      <c r="AS8" s="46"/>
      <c r="AT8" s="45">
        <f>データ!T6</f>
        <v>6.55</v>
      </c>
      <c r="AU8" s="45"/>
      <c r="AV8" s="45"/>
      <c r="AW8" s="45"/>
      <c r="AX8" s="45"/>
      <c r="AY8" s="45"/>
      <c r="AZ8" s="45"/>
      <c r="BA8" s="45"/>
      <c r="BB8" s="45">
        <f>データ!U6</f>
        <v>2807.02</v>
      </c>
      <c r="BC8" s="45"/>
      <c r="BD8" s="45"/>
      <c r="BE8" s="45"/>
      <c r="BF8" s="45"/>
      <c r="BG8" s="45"/>
      <c r="BH8" s="45"/>
      <c r="BI8" s="45"/>
      <c r="BJ8" s="3"/>
      <c r="BK8" s="3"/>
      <c r="BL8" s="61" t="s">
        <v>10</v>
      </c>
      <c r="BM8" s="62"/>
      <c r="BN8" s="63" t="s">
        <v>11</v>
      </c>
      <c r="BO8" s="63"/>
      <c r="BP8" s="63"/>
      <c r="BQ8" s="63"/>
      <c r="BR8" s="63"/>
      <c r="BS8" s="63"/>
      <c r="BT8" s="63"/>
      <c r="BU8" s="63"/>
      <c r="BV8" s="63"/>
      <c r="BW8" s="63"/>
      <c r="BX8" s="63"/>
      <c r="BY8" s="64"/>
    </row>
    <row r="9" spans="1:78" ht="18.75" customHeight="1" x14ac:dyDescent="0.2">
      <c r="A9" s="2"/>
      <c r="B9" s="47" t="s">
        <v>12</v>
      </c>
      <c r="C9" s="47"/>
      <c r="D9" s="47"/>
      <c r="E9" s="47"/>
      <c r="F9" s="47"/>
      <c r="G9" s="47"/>
      <c r="H9" s="47"/>
      <c r="I9" s="47" t="s">
        <v>13</v>
      </c>
      <c r="J9" s="47"/>
      <c r="K9" s="47"/>
      <c r="L9" s="47"/>
      <c r="M9" s="47"/>
      <c r="N9" s="47"/>
      <c r="O9" s="47"/>
      <c r="P9" s="47" t="s">
        <v>14</v>
      </c>
      <c r="Q9" s="47"/>
      <c r="R9" s="47"/>
      <c r="S9" s="47"/>
      <c r="T9" s="47"/>
      <c r="U9" s="47"/>
      <c r="V9" s="47"/>
      <c r="W9" s="47" t="s">
        <v>15</v>
      </c>
      <c r="X9" s="47"/>
      <c r="Y9" s="47"/>
      <c r="Z9" s="47"/>
      <c r="AA9" s="47"/>
      <c r="AB9" s="47"/>
      <c r="AC9" s="47"/>
      <c r="AD9" s="47" t="s">
        <v>16</v>
      </c>
      <c r="AE9" s="47"/>
      <c r="AF9" s="47"/>
      <c r="AG9" s="47"/>
      <c r="AH9" s="47"/>
      <c r="AI9" s="47"/>
      <c r="AJ9" s="47"/>
      <c r="AK9" s="3"/>
      <c r="AL9" s="47" t="s">
        <v>17</v>
      </c>
      <c r="AM9" s="47"/>
      <c r="AN9" s="47"/>
      <c r="AO9" s="47"/>
      <c r="AP9" s="47"/>
      <c r="AQ9" s="47"/>
      <c r="AR9" s="47"/>
      <c r="AS9" s="47"/>
      <c r="AT9" s="47" t="s">
        <v>18</v>
      </c>
      <c r="AU9" s="47"/>
      <c r="AV9" s="47"/>
      <c r="AW9" s="47"/>
      <c r="AX9" s="47"/>
      <c r="AY9" s="47"/>
      <c r="AZ9" s="47"/>
      <c r="BA9" s="47"/>
      <c r="BB9" s="47" t="s">
        <v>19</v>
      </c>
      <c r="BC9" s="47"/>
      <c r="BD9" s="47"/>
      <c r="BE9" s="47"/>
      <c r="BF9" s="47"/>
      <c r="BG9" s="47"/>
      <c r="BH9" s="47"/>
      <c r="BI9" s="47"/>
      <c r="BJ9" s="3"/>
      <c r="BK9" s="3"/>
      <c r="BL9" s="48" t="s">
        <v>20</v>
      </c>
      <c r="BM9" s="49"/>
      <c r="BN9" s="50" t="s">
        <v>21</v>
      </c>
      <c r="BO9" s="50"/>
      <c r="BP9" s="50"/>
      <c r="BQ9" s="50"/>
      <c r="BR9" s="50"/>
      <c r="BS9" s="50"/>
      <c r="BT9" s="50"/>
      <c r="BU9" s="50"/>
      <c r="BV9" s="50"/>
      <c r="BW9" s="50"/>
      <c r="BX9" s="50"/>
      <c r="BY9" s="51"/>
    </row>
    <row r="10" spans="1:78" ht="18.75" customHeight="1" x14ac:dyDescent="0.2">
      <c r="A10" s="2"/>
      <c r="B10" s="45" t="str">
        <f>データ!N6</f>
        <v>-</v>
      </c>
      <c r="C10" s="45"/>
      <c r="D10" s="45"/>
      <c r="E10" s="45"/>
      <c r="F10" s="45"/>
      <c r="G10" s="45"/>
      <c r="H10" s="45"/>
      <c r="I10" s="45">
        <f>データ!O6</f>
        <v>70.790000000000006</v>
      </c>
      <c r="J10" s="45"/>
      <c r="K10" s="45"/>
      <c r="L10" s="45"/>
      <c r="M10" s="45"/>
      <c r="N10" s="45"/>
      <c r="O10" s="45"/>
      <c r="P10" s="45">
        <f>データ!P6</f>
        <v>73.39</v>
      </c>
      <c r="Q10" s="45"/>
      <c r="R10" s="45"/>
      <c r="S10" s="45"/>
      <c r="T10" s="45"/>
      <c r="U10" s="45"/>
      <c r="V10" s="45"/>
      <c r="W10" s="45">
        <f>データ!Q6</f>
        <v>76.239999999999995</v>
      </c>
      <c r="X10" s="45"/>
      <c r="Y10" s="45"/>
      <c r="Z10" s="45"/>
      <c r="AA10" s="45"/>
      <c r="AB10" s="45"/>
      <c r="AC10" s="45"/>
      <c r="AD10" s="46">
        <f>データ!R6</f>
        <v>1685</v>
      </c>
      <c r="AE10" s="46"/>
      <c r="AF10" s="46"/>
      <c r="AG10" s="46"/>
      <c r="AH10" s="46"/>
      <c r="AI10" s="46"/>
      <c r="AJ10" s="46"/>
      <c r="AK10" s="2"/>
      <c r="AL10" s="46">
        <f>データ!V6</f>
        <v>13477</v>
      </c>
      <c r="AM10" s="46"/>
      <c r="AN10" s="46"/>
      <c r="AO10" s="46"/>
      <c r="AP10" s="46"/>
      <c r="AQ10" s="46"/>
      <c r="AR10" s="46"/>
      <c r="AS10" s="46"/>
      <c r="AT10" s="45">
        <f>データ!W6</f>
        <v>2.56</v>
      </c>
      <c r="AU10" s="45"/>
      <c r="AV10" s="45"/>
      <c r="AW10" s="45"/>
      <c r="AX10" s="45"/>
      <c r="AY10" s="45"/>
      <c r="AZ10" s="45"/>
      <c r="BA10" s="45"/>
      <c r="BB10" s="45">
        <f>データ!X6</f>
        <v>5264.45</v>
      </c>
      <c r="BC10" s="45"/>
      <c r="BD10" s="45"/>
      <c r="BE10" s="45"/>
      <c r="BF10" s="45"/>
      <c r="BG10" s="45"/>
      <c r="BH10" s="45"/>
      <c r="BI10" s="45"/>
      <c r="BJ10" s="2"/>
      <c r="BK10" s="2"/>
      <c r="BL10" s="52" t="s">
        <v>22</v>
      </c>
      <c r="BM10" s="53"/>
      <c r="BN10" s="54" t="s">
        <v>23</v>
      </c>
      <c r="BO10" s="54"/>
      <c r="BP10" s="54"/>
      <c r="BQ10" s="54"/>
      <c r="BR10" s="54"/>
      <c r="BS10" s="54"/>
      <c r="BT10" s="54"/>
      <c r="BU10" s="54"/>
      <c r="BV10" s="54"/>
      <c r="BW10" s="54"/>
      <c r="BX10" s="54"/>
      <c r="BY10" s="5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4</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6</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5</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2】</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dZcL+NU1uiLlFnGTQ6OJovbiHNyXhgf+dEV5Kr+tJiwgCfbpzqi8zVfizt9x11EvJQS84BGEYUNP44acIuM4KA==" saltValue="RP1MslD6pCZVHyVAZH9Og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I9:O9"/>
    <mergeCell ref="P9:V9"/>
    <mergeCell ref="W9:AC9"/>
    <mergeCell ref="AD9:AJ9"/>
    <mergeCell ref="AL8:AS8"/>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B10:H10"/>
    <mergeCell ref="I10:O10"/>
    <mergeCell ref="P10:V10"/>
    <mergeCell ref="W10:AC10"/>
    <mergeCell ref="AD10:AJ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28</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4</v>
      </c>
      <c r="B4" s="16"/>
      <c r="C4" s="16"/>
      <c r="D4" s="16"/>
      <c r="E4" s="16"/>
      <c r="F4" s="16"/>
      <c r="G4" s="16"/>
      <c r="H4" s="76"/>
      <c r="I4" s="77"/>
      <c r="J4" s="77"/>
      <c r="K4" s="77"/>
      <c r="L4" s="77"/>
      <c r="M4" s="77"/>
      <c r="N4" s="77"/>
      <c r="O4" s="77"/>
      <c r="P4" s="77"/>
      <c r="Q4" s="77"/>
      <c r="R4" s="77"/>
      <c r="S4" s="77"/>
      <c r="T4" s="77"/>
      <c r="U4" s="77"/>
      <c r="V4" s="77"/>
      <c r="W4" s="77"/>
      <c r="X4" s="78"/>
      <c r="Y4" s="72" t="s">
        <v>55</v>
      </c>
      <c r="Z4" s="72"/>
      <c r="AA4" s="72"/>
      <c r="AB4" s="72"/>
      <c r="AC4" s="72"/>
      <c r="AD4" s="72"/>
      <c r="AE4" s="72"/>
      <c r="AF4" s="72"/>
      <c r="AG4" s="72"/>
      <c r="AH4" s="72"/>
      <c r="AI4" s="72"/>
      <c r="AJ4" s="72" t="s">
        <v>56</v>
      </c>
      <c r="AK4" s="72"/>
      <c r="AL4" s="72"/>
      <c r="AM4" s="72"/>
      <c r="AN4" s="72"/>
      <c r="AO4" s="72"/>
      <c r="AP4" s="72"/>
      <c r="AQ4" s="72"/>
      <c r="AR4" s="72"/>
      <c r="AS4" s="72"/>
      <c r="AT4" s="72"/>
      <c r="AU4" s="72" t="s">
        <v>57</v>
      </c>
      <c r="AV4" s="72"/>
      <c r="AW4" s="72"/>
      <c r="AX4" s="72"/>
      <c r="AY4" s="72"/>
      <c r="AZ4" s="72"/>
      <c r="BA4" s="72"/>
      <c r="BB4" s="72"/>
      <c r="BC4" s="72"/>
      <c r="BD4" s="72"/>
      <c r="BE4" s="72"/>
      <c r="BF4" s="72" t="s">
        <v>58</v>
      </c>
      <c r="BG4" s="72"/>
      <c r="BH4" s="72"/>
      <c r="BI4" s="72"/>
      <c r="BJ4" s="72"/>
      <c r="BK4" s="72"/>
      <c r="BL4" s="72"/>
      <c r="BM4" s="72"/>
      <c r="BN4" s="72"/>
      <c r="BO4" s="72"/>
      <c r="BP4" s="72"/>
      <c r="BQ4" s="72" t="s">
        <v>59</v>
      </c>
      <c r="BR4" s="72"/>
      <c r="BS4" s="72"/>
      <c r="BT4" s="72"/>
      <c r="BU4" s="72"/>
      <c r="BV4" s="72"/>
      <c r="BW4" s="72"/>
      <c r="BX4" s="72"/>
      <c r="BY4" s="72"/>
      <c r="BZ4" s="72"/>
      <c r="CA4" s="72"/>
      <c r="CB4" s="72" t="s">
        <v>60</v>
      </c>
      <c r="CC4" s="72"/>
      <c r="CD4" s="72"/>
      <c r="CE4" s="72"/>
      <c r="CF4" s="72"/>
      <c r="CG4" s="72"/>
      <c r="CH4" s="72"/>
      <c r="CI4" s="72"/>
      <c r="CJ4" s="72"/>
      <c r="CK4" s="72"/>
      <c r="CL4" s="72"/>
      <c r="CM4" s="72" t="s">
        <v>61</v>
      </c>
      <c r="CN4" s="72"/>
      <c r="CO4" s="72"/>
      <c r="CP4" s="72"/>
      <c r="CQ4" s="72"/>
      <c r="CR4" s="72"/>
      <c r="CS4" s="72"/>
      <c r="CT4" s="72"/>
      <c r="CU4" s="72"/>
      <c r="CV4" s="72"/>
      <c r="CW4" s="72"/>
      <c r="CX4" s="72" t="s">
        <v>62</v>
      </c>
      <c r="CY4" s="72"/>
      <c r="CZ4" s="72"/>
      <c r="DA4" s="72"/>
      <c r="DB4" s="72"/>
      <c r="DC4" s="72"/>
      <c r="DD4" s="72"/>
      <c r="DE4" s="72"/>
      <c r="DF4" s="72"/>
      <c r="DG4" s="72"/>
      <c r="DH4" s="72"/>
      <c r="DI4" s="72" t="s">
        <v>63</v>
      </c>
      <c r="DJ4" s="72"/>
      <c r="DK4" s="72"/>
      <c r="DL4" s="72"/>
      <c r="DM4" s="72"/>
      <c r="DN4" s="72"/>
      <c r="DO4" s="72"/>
      <c r="DP4" s="72"/>
      <c r="DQ4" s="72"/>
      <c r="DR4" s="72"/>
      <c r="DS4" s="72"/>
      <c r="DT4" s="72" t="s">
        <v>64</v>
      </c>
      <c r="DU4" s="72"/>
      <c r="DV4" s="72"/>
      <c r="DW4" s="72"/>
      <c r="DX4" s="72"/>
      <c r="DY4" s="72"/>
      <c r="DZ4" s="72"/>
      <c r="EA4" s="72"/>
      <c r="EB4" s="72"/>
      <c r="EC4" s="72"/>
      <c r="ED4" s="72"/>
      <c r="EE4" s="72" t="s">
        <v>65</v>
      </c>
      <c r="EF4" s="72"/>
      <c r="EG4" s="72"/>
      <c r="EH4" s="72"/>
      <c r="EI4" s="72"/>
      <c r="EJ4" s="72"/>
      <c r="EK4" s="72"/>
      <c r="EL4" s="72"/>
      <c r="EM4" s="72"/>
      <c r="EN4" s="72"/>
      <c r="EO4" s="72"/>
    </row>
    <row r="5" spans="1:148" x14ac:dyDescent="0.2">
      <c r="A5" s="14" t="s">
        <v>66</v>
      </c>
      <c r="B5" s="17"/>
      <c r="C5" s="17"/>
      <c r="D5" s="17"/>
      <c r="E5" s="17"/>
      <c r="F5" s="17"/>
      <c r="G5" s="17"/>
      <c r="H5" s="18" t="s">
        <v>67</v>
      </c>
      <c r="I5" s="18" t="s">
        <v>68</v>
      </c>
      <c r="J5" s="18" t="s">
        <v>69</v>
      </c>
      <c r="K5" s="18" t="s">
        <v>70</v>
      </c>
      <c r="L5" s="18" t="s">
        <v>71</v>
      </c>
      <c r="M5" s="18" t="s">
        <v>5</v>
      </c>
      <c r="N5" s="18" t="s">
        <v>72</v>
      </c>
      <c r="O5" s="18" t="s">
        <v>73</v>
      </c>
      <c r="P5" s="18" t="s">
        <v>74</v>
      </c>
      <c r="Q5" s="18" t="s">
        <v>75</v>
      </c>
      <c r="R5" s="18" t="s">
        <v>76</v>
      </c>
      <c r="S5" s="18" t="s">
        <v>77</v>
      </c>
      <c r="T5" s="18" t="s">
        <v>78</v>
      </c>
      <c r="U5" s="18" t="s">
        <v>79</v>
      </c>
      <c r="V5" s="18" t="s">
        <v>80</v>
      </c>
      <c r="W5" s="18" t="s">
        <v>81</v>
      </c>
      <c r="X5" s="18" t="s">
        <v>82</v>
      </c>
      <c r="Y5" s="18" t="s">
        <v>83</v>
      </c>
      <c r="Z5" s="18" t="s">
        <v>84</v>
      </c>
      <c r="AA5" s="18" t="s">
        <v>85</v>
      </c>
      <c r="AB5" s="18" t="s">
        <v>86</v>
      </c>
      <c r="AC5" s="18" t="s">
        <v>87</v>
      </c>
      <c r="AD5" s="18" t="s">
        <v>88</v>
      </c>
      <c r="AE5" s="18" t="s">
        <v>89</v>
      </c>
      <c r="AF5" s="18" t="s">
        <v>90</v>
      </c>
      <c r="AG5" s="18" t="s">
        <v>91</v>
      </c>
      <c r="AH5" s="18" t="s">
        <v>92</v>
      </c>
      <c r="AI5" s="18" t="s">
        <v>31</v>
      </c>
      <c r="AJ5" s="18" t="s">
        <v>83</v>
      </c>
      <c r="AK5" s="18" t="s">
        <v>84</v>
      </c>
      <c r="AL5" s="18" t="s">
        <v>85</v>
      </c>
      <c r="AM5" s="18" t="s">
        <v>86</v>
      </c>
      <c r="AN5" s="18" t="s">
        <v>87</v>
      </c>
      <c r="AO5" s="18" t="s">
        <v>88</v>
      </c>
      <c r="AP5" s="18" t="s">
        <v>89</v>
      </c>
      <c r="AQ5" s="18" t="s">
        <v>90</v>
      </c>
      <c r="AR5" s="18" t="s">
        <v>91</v>
      </c>
      <c r="AS5" s="18" t="s">
        <v>92</v>
      </c>
      <c r="AT5" s="18" t="s">
        <v>93</v>
      </c>
      <c r="AU5" s="18" t="s">
        <v>83</v>
      </c>
      <c r="AV5" s="18" t="s">
        <v>84</v>
      </c>
      <c r="AW5" s="18" t="s">
        <v>85</v>
      </c>
      <c r="AX5" s="18" t="s">
        <v>86</v>
      </c>
      <c r="AY5" s="18" t="s">
        <v>87</v>
      </c>
      <c r="AZ5" s="18" t="s">
        <v>88</v>
      </c>
      <c r="BA5" s="18" t="s">
        <v>89</v>
      </c>
      <c r="BB5" s="18" t="s">
        <v>90</v>
      </c>
      <c r="BC5" s="18" t="s">
        <v>91</v>
      </c>
      <c r="BD5" s="18" t="s">
        <v>92</v>
      </c>
      <c r="BE5" s="18" t="s">
        <v>93</v>
      </c>
      <c r="BF5" s="18" t="s">
        <v>83</v>
      </c>
      <c r="BG5" s="18" t="s">
        <v>84</v>
      </c>
      <c r="BH5" s="18" t="s">
        <v>85</v>
      </c>
      <c r="BI5" s="18" t="s">
        <v>86</v>
      </c>
      <c r="BJ5" s="18" t="s">
        <v>87</v>
      </c>
      <c r="BK5" s="18" t="s">
        <v>88</v>
      </c>
      <c r="BL5" s="18" t="s">
        <v>89</v>
      </c>
      <c r="BM5" s="18" t="s">
        <v>90</v>
      </c>
      <c r="BN5" s="18" t="s">
        <v>91</v>
      </c>
      <c r="BO5" s="18" t="s">
        <v>92</v>
      </c>
      <c r="BP5" s="18" t="s">
        <v>93</v>
      </c>
      <c r="BQ5" s="18" t="s">
        <v>83</v>
      </c>
      <c r="BR5" s="18" t="s">
        <v>84</v>
      </c>
      <c r="BS5" s="18" t="s">
        <v>85</v>
      </c>
      <c r="BT5" s="18" t="s">
        <v>86</v>
      </c>
      <c r="BU5" s="18" t="s">
        <v>87</v>
      </c>
      <c r="BV5" s="18" t="s">
        <v>88</v>
      </c>
      <c r="BW5" s="18" t="s">
        <v>89</v>
      </c>
      <c r="BX5" s="18" t="s">
        <v>90</v>
      </c>
      <c r="BY5" s="18" t="s">
        <v>91</v>
      </c>
      <c r="BZ5" s="18" t="s">
        <v>92</v>
      </c>
      <c r="CA5" s="18" t="s">
        <v>93</v>
      </c>
      <c r="CB5" s="18" t="s">
        <v>83</v>
      </c>
      <c r="CC5" s="18" t="s">
        <v>84</v>
      </c>
      <c r="CD5" s="18" t="s">
        <v>85</v>
      </c>
      <c r="CE5" s="18" t="s">
        <v>86</v>
      </c>
      <c r="CF5" s="18" t="s">
        <v>87</v>
      </c>
      <c r="CG5" s="18" t="s">
        <v>88</v>
      </c>
      <c r="CH5" s="18" t="s">
        <v>89</v>
      </c>
      <c r="CI5" s="18" t="s">
        <v>90</v>
      </c>
      <c r="CJ5" s="18" t="s">
        <v>91</v>
      </c>
      <c r="CK5" s="18" t="s">
        <v>92</v>
      </c>
      <c r="CL5" s="18" t="s">
        <v>93</v>
      </c>
      <c r="CM5" s="18" t="s">
        <v>83</v>
      </c>
      <c r="CN5" s="18" t="s">
        <v>84</v>
      </c>
      <c r="CO5" s="18" t="s">
        <v>85</v>
      </c>
      <c r="CP5" s="18" t="s">
        <v>86</v>
      </c>
      <c r="CQ5" s="18" t="s">
        <v>87</v>
      </c>
      <c r="CR5" s="18" t="s">
        <v>88</v>
      </c>
      <c r="CS5" s="18" t="s">
        <v>89</v>
      </c>
      <c r="CT5" s="18" t="s">
        <v>90</v>
      </c>
      <c r="CU5" s="18" t="s">
        <v>91</v>
      </c>
      <c r="CV5" s="18" t="s">
        <v>92</v>
      </c>
      <c r="CW5" s="18" t="s">
        <v>93</v>
      </c>
      <c r="CX5" s="18" t="s">
        <v>83</v>
      </c>
      <c r="CY5" s="18" t="s">
        <v>84</v>
      </c>
      <c r="CZ5" s="18" t="s">
        <v>85</v>
      </c>
      <c r="DA5" s="18" t="s">
        <v>86</v>
      </c>
      <c r="DB5" s="18" t="s">
        <v>87</v>
      </c>
      <c r="DC5" s="18" t="s">
        <v>88</v>
      </c>
      <c r="DD5" s="18" t="s">
        <v>89</v>
      </c>
      <c r="DE5" s="18" t="s">
        <v>90</v>
      </c>
      <c r="DF5" s="18" t="s">
        <v>91</v>
      </c>
      <c r="DG5" s="18" t="s">
        <v>92</v>
      </c>
      <c r="DH5" s="18" t="s">
        <v>93</v>
      </c>
      <c r="DI5" s="18" t="s">
        <v>83</v>
      </c>
      <c r="DJ5" s="18" t="s">
        <v>84</v>
      </c>
      <c r="DK5" s="18" t="s">
        <v>85</v>
      </c>
      <c r="DL5" s="18" t="s">
        <v>86</v>
      </c>
      <c r="DM5" s="18" t="s">
        <v>87</v>
      </c>
      <c r="DN5" s="18" t="s">
        <v>88</v>
      </c>
      <c r="DO5" s="18" t="s">
        <v>89</v>
      </c>
      <c r="DP5" s="18" t="s">
        <v>90</v>
      </c>
      <c r="DQ5" s="18" t="s">
        <v>91</v>
      </c>
      <c r="DR5" s="18" t="s">
        <v>92</v>
      </c>
      <c r="DS5" s="18" t="s">
        <v>93</v>
      </c>
      <c r="DT5" s="18" t="s">
        <v>83</v>
      </c>
      <c r="DU5" s="18" t="s">
        <v>84</v>
      </c>
      <c r="DV5" s="18" t="s">
        <v>85</v>
      </c>
      <c r="DW5" s="18" t="s">
        <v>86</v>
      </c>
      <c r="DX5" s="18" t="s">
        <v>87</v>
      </c>
      <c r="DY5" s="18" t="s">
        <v>88</v>
      </c>
      <c r="DZ5" s="18" t="s">
        <v>89</v>
      </c>
      <c r="EA5" s="18" t="s">
        <v>90</v>
      </c>
      <c r="EB5" s="18" t="s">
        <v>91</v>
      </c>
      <c r="EC5" s="18" t="s">
        <v>92</v>
      </c>
      <c r="ED5" s="18" t="s">
        <v>93</v>
      </c>
      <c r="EE5" s="18" t="s">
        <v>83</v>
      </c>
      <c r="EF5" s="18" t="s">
        <v>84</v>
      </c>
      <c r="EG5" s="18" t="s">
        <v>85</v>
      </c>
      <c r="EH5" s="18" t="s">
        <v>86</v>
      </c>
      <c r="EI5" s="18" t="s">
        <v>87</v>
      </c>
      <c r="EJ5" s="18" t="s">
        <v>88</v>
      </c>
      <c r="EK5" s="18" t="s">
        <v>89</v>
      </c>
      <c r="EL5" s="18" t="s">
        <v>90</v>
      </c>
      <c r="EM5" s="18" t="s">
        <v>91</v>
      </c>
      <c r="EN5" s="18" t="s">
        <v>92</v>
      </c>
      <c r="EO5" s="18" t="s">
        <v>93</v>
      </c>
    </row>
    <row r="6" spans="1:148" s="22" customFormat="1" x14ac:dyDescent="0.2">
      <c r="A6" s="14" t="s">
        <v>94</v>
      </c>
      <c r="B6" s="19">
        <f>B7</f>
        <v>2021</v>
      </c>
      <c r="C6" s="19">
        <f t="shared" ref="C6:X6" si="3">C7</f>
        <v>143669</v>
      </c>
      <c r="D6" s="19">
        <f t="shared" si="3"/>
        <v>46</v>
      </c>
      <c r="E6" s="19">
        <f t="shared" si="3"/>
        <v>17</v>
      </c>
      <c r="F6" s="19">
        <f t="shared" si="3"/>
        <v>1</v>
      </c>
      <c r="G6" s="19">
        <f t="shared" si="3"/>
        <v>0</v>
      </c>
      <c r="H6" s="19" t="str">
        <f t="shared" si="3"/>
        <v>神奈川県　開成町</v>
      </c>
      <c r="I6" s="19" t="str">
        <f t="shared" si="3"/>
        <v>法適用</v>
      </c>
      <c r="J6" s="19" t="str">
        <f t="shared" si="3"/>
        <v>下水道事業</v>
      </c>
      <c r="K6" s="19" t="str">
        <f t="shared" si="3"/>
        <v>公共下水道</v>
      </c>
      <c r="L6" s="19" t="str">
        <f t="shared" si="3"/>
        <v>Cb1</v>
      </c>
      <c r="M6" s="19" t="str">
        <f t="shared" si="3"/>
        <v>非設置</v>
      </c>
      <c r="N6" s="20" t="str">
        <f t="shared" si="3"/>
        <v>-</v>
      </c>
      <c r="O6" s="20">
        <f t="shared" si="3"/>
        <v>70.790000000000006</v>
      </c>
      <c r="P6" s="20">
        <f t="shared" si="3"/>
        <v>73.39</v>
      </c>
      <c r="Q6" s="20">
        <f t="shared" si="3"/>
        <v>76.239999999999995</v>
      </c>
      <c r="R6" s="20">
        <f t="shared" si="3"/>
        <v>1685</v>
      </c>
      <c r="S6" s="20">
        <f t="shared" si="3"/>
        <v>18386</v>
      </c>
      <c r="T6" s="20">
        <f t="shared" si="3"/>
        <v>6.55</v>
      </c>
      <c r="U6" s="20">
        <f t="shared" si="3"/>
        <v>2807.02</v>
      </c>
      <c r="V6" s="20">
        <f t="shared" si="3"/>
        <v>13477</v>
      </c>
      <c r="W6" s="20">
        <f t="shared" si="3"/>
        <v>2.56</v>
      </c>
      <c r="X6" s="20">
        <f t="shared" si="3"/>
        <v>5264.45</v>
      </c>
      <c r="Y6" s="21" t="str">
        <f>IF(Y7="",NA(),Y7)</f>
        <v>-</v>
      </c>
      <c r="Z6" s="21" t="str">
        <f t="shared" ref="Z6:AH6" si="4">IF(Z7="",NA(),Z7)</f>
        <v>-</v>
      </c>
      <c r="AA6" s="21">
        <f t="shared" si="4"/>
        <v>106.34</v>
      </c>
      <c r="AB6" s="21">
        <f t="shared" si="4"/>
        <v>107.02</v>
      </c>
      <c r="AC6" s="21">
        <f t="shared" si="4"/>
        <v>105.09</v>
      </c>
      <c r="AD6" s="21" t="str">
        <f t="shared" si="4"/>
        <v>-</v>
      </c>
      <c r="AE6" s="21" t="str">
        <f t="shared" si="4"/>
        <v>-</v>
      </c>
      <c r="AF6" s="21">
        <f t="shared" si="4"/>
        <v>101.51</v>
      </c>
      <c r="AG6" s="21">
        <f t="shared" si="4"/>
        <v>103.78</v>
      </c>
      <c r="AH6" s="21">
        <f t="shared" si="4"/>
        <v>103.57</v>
      </c>
      <c r="AI6" s="20" t="str">
        <f>IF(AI7="","",IF(AI7="-","【-】","【"&amp;SUBSTITUTE(TEXT(AI7,"#,##0.00"),"-","△")&amp;"】"))</f>
        <v>【107.02】</v>
      </c>
      <c r="AJ6" s="21" t="str">
        <f>IF(AJ7="",NA(),AJ7)</f>
        <v>-</v>
      </c>
      <c r="AK6" s="21" t="str">
        <f t="shared" ref="AK6:AS6" si="5">IF(AK7="",NA(),AK7)</f>
        <v>-</v>
      </c>
      <c r="AL6" s="20">
        <f t="shared" si="5"/>
        <v>0</v>
      </c>
      <c r="AM6" s="20">
        <f t="shared" si="5"/>
        <v>0</v>
      </c>
      <c r="AN6" s="20">
        <f t="shared" si="5"/>
        <v>0</v>
      </c>
      <c r="AO6" s="21" t="str">
        <f t="shared" si="5"/>
        <v>-</v>
      </c>
      <c r="AP6" s="21" t="str">
        <f t="shared" si="5"/>
        <v>-</v>
      </c>
      <c r="AQ6" s="21">
        <f t="shared" si="5"/>
        <v>37.86</v>
      </c>
      <c r="AR6" s="21">
        <f t="shared" si="5"/>
        <v>19.829999999999998</v>
      </c>
      <c r="AS6" s="21">
        <f t="shared" si="5"/>
        <v>21.3</v>
      </c>
      <c r="AT6" s="20" t="str">
        <f>IF(AT7="","",IF(AT7="-","【-】","【"&amp;SUBSTITUTE(TEXT(AT7,"#,##0.00"),"-","△")&amp;"】"))</f>
        <v>【3.09】</v>
      </c>
      <c r="AU6" s="21" t="str">
        <f>IF(AU7="",NA(),AU7)</f>
        <v>-</v>
      </c>
      <c r="AV6" s="21" t="str">
        <f t="shared" ref="AV6:BD6" si="6">IF(AV7="",NA(),AV7)</f>
        <v>-</v>
      </c>
      <c r="AW6" s="21">
        <f t="shared" si="6"/>
        <v>29.55</v>
      </c>
      <c r="AX6" s="21">
        <f t="shared" si="6"/>
        <v>50.79</v>
      </c>
      <c r="AY6" s="21">
        <f t="shared" si="6"/>
        <v>74.680000000000007</v>
      </c>
      <c r="AZ6" s="21" t="str">
        <f t="shared" si="6"/>
        <v>-</v>
      </c>
      <c r="BA6" s="21" t="str">
        <f t="shared" si="6"/>
        <v>-</v>
      </c>
      <c r="BB6" s="21">
        <f t="shared" si="6"/>
        <v>60.16</v>
      </c>
      <c r="BC6" s="21">
        <f t="shared" si="6"/>
        <v>54.3</v>
      </c>
      <c r="BD6" s="21">
        <f t="shared" si="6"/>
        <v>57.92</v>
      </c>
      <c r="BE6" s="20" t="str">
        <f>IF(BE7="","",IF(BE7="-","【-】","【"&amp;SUBSTITUTE(TEXT(BE7,"#,##0.00"),"-","△")&amp;"】"))</f>
        <v>【71.39】</v>
      </c>
      <c r="BF6" s="21" t="str">
        <f>IF(BF7="",NA(),BF7)</f>
        <v>-</v>
      </c>
      <c r="BG6" s="21" t="str">
        <f t="shared" ref="BG6:BO6" si="7">IF(BG7="",NA(),BG7)</f>
        <v>-</v>
      </c>
      <c r="BH6" s="21">
        <f t="shared" si="7"/>
        <v>942.19</v>
      </c>
      <c r="BI6" s="21">
        <f t="shared" si="7"/>
        <v>920.72</v>
      </c>
      <c r="BJ6" s="21">
        <f t="shared" si="7"/>
        <v>815.99</v>
      </c>
      <c r="BK6" s="21" t="str">
        <f t="shared" si="7"/>
        <v>-</v>
      </c>
      <c r="BL6" s="21" t="str">
        <f t="shared" si="7"/>
        <v>-</v>
      </c>
      <c r="BM6" s="21">
        <f t="shared" si="7"/>
        <v>917.44</v>
      </c>
      <c r="BN6" s="21">
        <f t="shared" si="7"/>
        <v>856.88</v>
      </c>
      <c r="BO6" s="21">
        <f t="shared" si="7"/>
        <v>799.49</v>
      </c>
      <c r="BP6" s="20" t="str">
        <f>IF(BP7="","",IF(BP7="-","【-】","【"&amp;SUBSTITUTE(TEXT(BP7,"#,##0.00"),"-","△")&amp;"】"))</f>
        <v>【669.12】</v>
      </c>
      <c r="BQ6" s="21" t="str">
        <f>IF(BQ7="",NA(),BQ7)</f>
        <v>-</v>
      </c>
      <c r="BR6" s="21" t="str">
        <f t="shared" ref="BR6:BZ6" si="8">IF(BR7="",NA(),BR7)</f>
        <v>-</v>
      </c>
      <c r="BS6" s="21">
        <f t="shared" si="8"/>
        <v>73.87</v>
      </c>
      <c r="BT6" s="21">
        <f t="shared" si="8"/>
        <v>70.44</v>
      </c>
      <c r="BU6" s="21">
        <f t="shared" si="8"/>
        <v>74.91</v>
      </c>
      <c r="BV6" s="21" t="str">
        <f t="shared" si="8"/>
        <v>-</v>
      </c>
      <c r="BW6" s="21" t="str">
        <f t="shared" si="8"/>
        <v>-</v>
      </c>
      <c r="BX6" s="21">
        <f t="shared" si="8"/>
        <v>85.34</v>
      </c>
      <c r="BY6" s="21">
        <f t="shared" si="8"/>
        <v>89.01</v>
      </c>
      <c r="BZ6" s="21">
        <f t="shared" si="8"/>
        <v>89.09</v>
      </c>
      <c r="CA6" s="20" t="str">
        <f>IF(CA7="","",IF(CA7="-","【-】","【"&amp;SUBSTITUTE(TEXT(CA7,"#,##0.00"),"-","△")&amp;"】"))</f>
        <v>【99.73】</v>
      </c>
      <c r="CB6" s="21" t="str">
        <f>IF(CB7="",NA(),CB7)</f>
        <v>-</v>
      </c>
      <c r="CC6" s="21" t="str">
        <f t="shared" ref="CC6:CK6" si="9">IF(CC7="",NA(),CC7)</f>
        <v>-</v>
      </c>
      <c r="CD6" s="21">
        <f t="shared" si="9"/>
        <v>150</v>
      </c>
      <c r="CE6" s="21">
        <f t="shared" si="9"/>
        <v>145.30000000000001</v>
      </c>
      <c r="CF6" s="21">
        <f t="shared" si="9"/>
        <v>145.21</v>
      </c>
      <c r="CG6" s="21" t="str">
        <f t="shared" si="9"/>
        <v>-</v>
      </c>
      <c r="CH6" s="21" t="str">
        <f t="shared" si="9"/>
        <v>-</v>
      </c>
      <c r="CI6" s="21">
        <f t="shared" si="9"/>
        <v>149.27000000000001</v>
      </c>
      <c r="CJ6" s="21">
        <f t="shared" si="9"/>
        <v>147.08000000000001</v>
      </c>
      <c r="CK6" s="21">
        <f t="shared" si="9"/>
        <v>142.76</v>
      </c>
      <c r="CL6" s="20" t="str">
        <f>IF(CL7="","",IF(CL7="-","【-】","【"&amp;SUBSTITUTE(TEXT(CL7,"#,##0.00"),"-","△")&amp;"】"))</f>
        <v>【134.98】</v>
      </c>
      <c r="CM6" s="21" t="str">
        <f>IF(CM7="",NA(),CM7)</f>
        <v>-</v>
      </c>
      <c r="CN6" s="21" t="str">
        <f t="shared" ref="CN6:CV6" si="10">IF(CN7="",NA(),CN7)</f>
        <v>-</v>
      </c>
      <c r="CO6" s="21" t="str">
        <f t="shared" si="10"/>
        <v>-</v>
      </c>
      <c r="CP6" s="21" t="str">
        <f t="shared" si="10"/>
        <v>-</v>
      </c>
      <c r="CQ6" s="21" t="str">
        <f t="shared" si="10"/>
        <v>-</v>
      </c>
      <c r="CR6" s="21" t="str">
        <f t="shared" si="10"/>
        <v>-</v>
      </c>
      <c r="CS6" s="21" t="str">
        <f t="shared" si="10"/>
        <v>-</v>
      </c>
      <c r="CT6" s="21">
        <f t="shared" si="10"/>
        <v>55.73</v>
      </c>
      <c r="CU6" s="21">
        <f t="shared" si="10"/>
        <v>58.12</v>
      </c>
      <c r="CV6" s="21">
        <f t="shared" si="10"/>
        <v>58.14</v>
      </c>
      <c r="CW6" s="20" t="str">
        <f>IF(CW7="","",IF(CW7="-","【-】","【"&amp;SUBSTITUTE(TEXT(CW7,"#,##0.00"),"-","△")&amp;"】"))</f>
        <v>【59.99】</v>
      </c>
      <c r="CX6" s="21" t="str">
        <f>IF(CX7="",NA(),CX7)</f>
        <v>-</v>
      </c>
      <c r="CY6" s="21" t="str">
        <f t="shared" ref="CY6:DG6" si="11">IF(CY7="",NA(),CY7)</f>
        <v>-</v>
      </c>
      <c r="CZ6" s="21">
        <f t="shared" si="11"/>
        <v>96.57</v>
      </c>
      <c r="DA6" s="21">
        <f t="shared" si="11"/>
        <v>96.58</v>
      </c>
      <c r="DB6" s="21">
        <f t="shared" si="11"/>
        <v>96.33</v>
      </c>
      <c r="DC6" s="21" t="str">
        <f t="shared" si="11"/>
        <v>-</v>
      </c>
      <c r="DD6" s="21" t="str">
        <f t="shared" si="11"/>
        <v>-</v>
      </c>
      <c r="DE6" s="21">
        <f t="shared" si="11"/>
        <v>92.45</v>
      </c>
      <c r="DF6" s="21">
        <f t="shared" si="11"/>
        <v>92.55</v>
      </c>
      <c r="DG6" s="21">
        <f t="shared" si="11"/>
        <v>92.44</v>
      </c>
      <c r="DH6" s="20" t="str">
        <f>IF(DH7="","",IF(DH7="-","【-】","【"&amp;SUBSTITUTE(TEXT(DH7,"#,##0.00"),"-","△")&amp;"】"))</f>
        <v>【95.72】</v>
      </c>
      <c r="DI6" s="21" t="str">
        <f>IF(DI7="",NA(),DI7)</f>
        <v>-</v>
      </c>
      <c r="DJ6" s="21" t="str">
        <f t="shared" ref="DJ6:DR6" si="12">IF(DJ7="",NA(),DJ7)</f>
        <v>-</v>
      </c>
      <c r="DK6" s="21">
        <f t="shared" si="12"/>
        <v>3.14</v>
      </c>
      <c r="DL6" s="21">
        <f t="shared" si="12"/>
        <v>6.18</v>
      </c>
      <c r="DM6" s="21">
        <f t="shared" si="12"/>
        <v>9.1999999999999993</v>
      </c>
      <c r="DN6" s="21" t="str">
        <f t="shared" si="12"/>
        <v>-</v>
      </c>
      <c r="DO6" s="21" t="str">
        <f t="shared" si="12"/>
        <v>-</v>
      </c>
      <c r="DP6" s="21">
        <f t="shared" si="12"/>
        <v>16.37</v>
      </c>
      <c r="DQ6" s="21">
        <f t="shared" si="12"/>
        <v>18.829999999999998</v>
      </c>
      <c r="DR6" s="21">
        <f t="shared" si="12"/>
        <v>23.14</v>
      </c>
      <c r="DS6" s="20" t="str">
        <f>IF(DS7="","",IF(DS7="-","【-】","【"&amp;SUBSTITUTE(TEXT(DS7,"#,##0.00"),"-","△")&amp;"】"))</f>
        <v>【38.17】</v>
      </c>
      <c r="DT6" s="21" t="str">
        <f>IF(DT7="",NA(),DT7)</f>
        <v>-</v>
      </c>
      <c r="DU6" s="21" t="str">
        <f t="shared" ref="DU6:EC6" si="13">IF(DU7="",NA(),DU7)</f>
        <v>-</v>
      </c>
      <c r="DV6" s="20">
        <f t="shared" si="13"/>
        <v>0</v>
      </c>
      <c r="DW6" s="20">
        <f t="shared" si="13"/>
        <v>0</v>
      </c>
      <c r="DX6" s="20">
        <f t="shared" si="13"/>
        <v>0</v>
      </c>
      <c r="DY6" s="21" t="str">
        <f t="shared" si="13"/>
        <v>-</v>
      </c>
      <c r="DZ6" s="21" t="str">
        <f t="shared" si="13"/>
        <v>-</v>
      </c>
      <c r="EA6" s="21">
        <f t="shared" si="13"/>
        <v>0.98</v>
      </c>
      <c r="EB6" s="21">
        <f t="shared" si="13"/>
        <v>0.56999999999999995</v>
      </c>
      <c r="EC6" s="21">
        <f t="shared" si="13"/>
        <v>0.55000000000000004</v>
      </c>
      <c r="ED6" s="20" t="str">
        <f>IF(ED7="","",IF(ED7="-","【-】","【"&amp;SUBSTITUTE(TEXT(ED7,"#,##0.00"),"-","△")&amp;"】"))</f>
        <v>【6.54】</v>
      </c>
      <c r="EE6" s="21" t="str">
        <f>IF(EE7="",NA(),EE7)</f>
        <v>-</v>
      </c>
      <c r="EF6" s="21" t="str">
        <f t="shared" ref="EF6:EN6" si="14">IF(EF7="",NA(),EF7)</f>
        <v>-</v>
      </c>
      <c r="EG6" s="20">
        <f t="shared" si="14"/>
        <v>0</v>
      </c>
      <c r="EH6" s="20">
        <f t="shared" si="14"/>
        <v>0</v>
      </c>
      <c r="EI6" s="20">
        <f t="shared" si="14"/>
        <v>0</v>
      </c>
      <c r="EJ6" s="21" t="str">
        <f t="shared" si="14"/>
        <v>-</v>
      </c>
      <c r="EK6" s="21" t="str">
        <f t="shared" si="14"/>
        <v>-</v>
      </c>
      <c r="EL6" s="21">
        <f t="shared" si="14"/>
        <v>0.13</v>
      </c>
      <c r="EM6" s="21">
        <f t="shared" si="14"/>
        <v>0.19</v>
      </c>
      <c r="EN6" s="21">
        <f t="shared" si="14"/>
        <v>0.15</v>
      </c>
      <c r="EO6" s="20" t="str">
        <f>IF(EO7="","",IF(EO7="-","【-】","【"&amp;SUBSTITUTE(TEXT(EO7,"#,##0.00"),"-","△")&amp;"】"))</f>
        <v>【0.24】</v>
      </c>
    </row>
    <row r="7" spans="1:148" s="22" customFormat="1" x14ac:dyDescent="0.2">
      <c r="A7" s="14"/>
      <c r="B7" s="23">
        <v>2021</v>
      </c>
      <c r="C7" s="23">
        <v>143669</v>
      </c>
      <c r="D7" s="23">
        <v>46</v>
      </c>
      <c r="E7" s="23">
        <v>17</v>
      </c>
      <c r="F7" s="23">
        <v>1</v>
      </c>
      <c r="G7" s="23">
        <v>0</v>
      </c>
      <c r="H7" s="23" t="s">
        <v>95</v>
      </c>
      <c r="I7" s="23" t="s">
        <v>96</v>
      </c>
      <c r="J7" s="23" t="s">
        <v>97</v>
      </c>
      <c r="K7" s="23" t="s">
        <v>98</v>
      </c>
      <c r="L7" s="23" t="s">
        <v>99</v>
      </c>
      <c r="M7" s="23" t="s">
        <v>100</v>
      </c>
      <c r="N7" s="24" t="s">
        <v>101</v>
      </c>
      <c r="O7" s="24">
        <v>70.790000000000006</v>
      </c>
      <c r="P7" s="24">
        <v>73.39</v>
      </c>
      <c r="Q7" s="24">
        <v>76.239999999999995</v>
      </c>
      <c r="R7" s="24">
        <v>1685</v>
      </c>
      <c r="S7" s="24">
        <v>18386</v>
      </c>
      <c r="T7" s="24">
        <v>6.55</v>
      </c>
      <c r="U7" s="24">
        <v>2807.02</v>
      </c>
      <c r="V7" s="24">
        <v>13477</v>
      </c>
      <c r="W7" s="24">
        <v>2.56</v>
      </c>
      <c r="X7" s="24">
        <v>5264.45</v>
      </c>
      <c r="Y7" s="24" t="s">
        <v>101</v>
      </c>
      <c r="Z7" s="24" t="s">
        <v>101</v>
      </c>
      <c r="AA7" s="24">
        <v>106.34</v>
      </c>
      <c r="AB7" s="24">
        <v>107.02</v>
      </c>
      <c r="AC7" s="24">
        <v>105.09</v>
      </c>
      <c r="AD7" s="24" t="s">
        <v>101</v>
      </c>
      <c r="AE7" s="24" t="s">
        <v>101</v>
      </c>
      <c r="AF7" s="24">
        <v>101.51</v>
      </c>
      <c r="AG7" s="24">
        <v>103.78</v>
      </c>
      <c r="AH7" s="24">
        <v>103.57</v>
      </c>
      <c r="AI7" s="24">
        <v>107.02</v>
      </c>
      <c r="AJ7" s="24" t="s">
        <v>101</v>
      </c>
      <c r="AK7" s="24" t="s">
        <v>101</v>
      </c>
      <c r="AL7" s="24">
        <v>0</v>
      </c>
      <c r="AM7" s="24">
        <v>0</v>
      </c>
      <c r="AN7" s="24">
        <v>0</v>
      </c>
      <c r="AO7" s="24" t="s">
        <v>101</v>
      </c>
      <c r="AP7" s="24" t="s">
        <v>101</v>
      </c>
      <c r="AQ7" s="24">
        <v>37.86</v>
      </c>
      <c r="AR7" s="24">
        <v>19.829999999999998</v>
      </c>
      <c r="AS7" s="24">
        <v>21.3</v>
      </c>
      <c r="AT7" s="24">
        <v>3.09</v>
      </c>
      <c r="AU7" s="24" t="s">
        <v>101</v>
      </c>
      <c r="AV7" s="24" t="s">
        <v>101</v>
      </c>
      <c r="AW7" s="24">
        <v>29.55</v>
      </c>
      <c r="AX7" s="24">
        <v>50.79</v>
      </c>
      <c r="AY7" s="24">
        <v>74.680000000000007</v>
      </c>
      <c r="AZ7" s="24" t="s">
        <v>101</v>
      </c>
      <c r="BA7" s="24" t="s">
        <v>101</v>
      </c>
      <c r="BB7" s="24">
        <v>60.16</v>
      </c>
      <c r="BC7" s="24">
        <v>54.3</v>
      </c>
      <c r="BD7" s="24">
        <v>57.92</v>
      </c>
      <c r="BE7" s="24">
        <v>71.39</v>
      </c>
      <c r="BF7" s="24" t="s">
        <v>101</v>
      </c>
      <c r="BG7" s="24" t="s">
        <v>101</v>
      </c>
      <c r="BH7" s="24">
        <v>942.19</v>
      </c>
      <c r="BI7" s="24">
        <v>920.72</v>
      </c>
      <c r="BJ7" s="24">
        <v>815.99</v>
      </c>
      <c r="BK7" s="24" t="s">
        <v>101</v>
      </c>
      <c r="BL7" s="24" t="s">
        <v>101</v>
      </c>
      <c r="BM7" s="24">
        <v>917.44</v>
      </c>
      <c r="BN7" s="24">
        <v>856.88</v>
      </c>
      <c r="BO7" s="24">
        <v>799.49</v>
      </c>
      <c r="BP7" s="24">
        <v>669.12</v>
      </c>
      <c r="BQ7" s="24" t="s">
        <v>101</v>
      </c>
      <c r="BR7" s="24" t="s">
        <v>101</v>
      </c>
      <c r="BS7" s="24">
        <v>73.87</v>
      </c>
      <c r="BT7" s="24">
        <v>70.44</v>
      </c>
      <c r="BU7" s="24">
        <v>74.91</v>
      </c>
      <c r="BV7" s="24" t="s">
        <v>101</v>
      </c>
      <c r="BW7" s="24" t="s">
        <v>101</v>
      </c>
      <c r="BX7" s="24">
        <v>85.34</v>
      </c>
      <c r="BY7" s="24">
        <v>89.01</v>
      </c>
      <c r="BZ7" s="24">
        <v>89.09</v>
      </c>
      <c r="CA7" s="24">
        <v>99.73</v>
      </c>
      <c r="CB7" s="24" t="s">
        <v>101</v>
      </c>
      <c r="CC7" s="24" t="s">
        <v>101</v>
      </c>
      <c r="CD7" s="24">
        <v>150</v>
      </c>
      <c r="CE7" s="24">
        <v>145.30000000000001</v>
      </c>
      <c r="CF7" s="24">
        <v>145.21</v>
      </c>
      <c r="CG7" s="24" t="s">
        <v>101</v>
      </c>
      <c r="CH7" s="24" t="s">
        <v>101</v>
      </c>
      <c r="CI7" s="24">
        <v>149.27000000000001</v>
      </c>
      <c r="CJ7" s="24">
        <v>147.08000000000001</v>
      </c>
      <c r="CK7" s="24">
        <v>142.76</v>
      </c>
      <c r="CL7" s="24">
        <v>134.97999999999999</v>
      </c>
      <c r="CM7" s="24" t="s">
        <v>101</v>
      </c>
      <c r="CN7" s="24" t="s">
        <v>101</v>
      </c>
      <c r="CO7" s="24" t="s">
        <v>101</v>
      </c>
      <c r="CP7" s="24" t="s">
        <v>101</v>
      </c>
      <c r="CQ7" s="24" t="s">
        <v>101</v>
      </c>
      <c r="CR7" s="24" t="s">
        <v>101</v>
      </c>
      <c r="CS7" s="24" t="s">
        <v>101</v>
      </c>
      <c r="CT7" s="24">
        <v>55.73</v>
      </c>
      <c r="CU7" s="24">
        <v>58.12</v>
      </c>
      <c r="CV7" s="24">
        <v>58.14</v>
      </c>
      <c r="CW7" s="24">
        <v>59.99</v>
      </c>
      <c r="CX7" s="24" t="s">
        <v>101</v>
      </c>
      <c r="CY7" s="24" t="s">
        <v>101</v>
      </c>
      <c r="CZ7" s="24">
        <v>96.57</v>
      </c>
      <c r="DA7" s="24">
        <v>96.58</v>
      </c>
      <c r="DB7" s="24">
        <v>96.33</v>
      </c>
      <c r="DC7" s="24" t="s">
        <v>101</v>
      </c>
      <c r="DD7" s="24" t="s">
        <v>101</v>
      </c>
      <c r="DE7" s="24">
        <v>92.45</v>
      </c>
      <c r="DF7" s="24">
        <v>92.55</v>
      </c>
      <c r="DG7" s="24">
        <v>92.44</v>
      </c>
      <c r="DH7" s="24">
        <v>95.72</v>
      </c>
      <c r="DI7" s="24" t="s">
        <v>101</v>
      </c>
      <c r="DJ7" s="24" t="s">
        <v>101</v>
      </c>
      <c r="DK7" s="24">
        <v>3.14</v>
      </c>
      <c r="DL7" s="24">
        <v>6.18</v>
      </c>
      <c r="DM7" s="24">
        <v>9.1999999999999993</v>
      </c>
      <c r="DN7" s="24" t="s">
        <v>101</v>
      </c>
      <c r="DO7" s="24" t="s">
        <v>101</v>
      </c>
      <c r="DP7" s="24">
        <v>16.37</v>
      </c>
      <c r="DQ7" s="24">
        <v>18.829999999999998</v>
      </c>
      <c r="DR7" s="24">
        <v>23.14</v>
      </c>
      <c r="DS7" s="24">
        <v>38.17</v>
      </c>
      <c r="DT7" s="24" t="s">
        <v>101</v>
      </c>
      <c r="DU7" s="24" t="s">
        <v>101</v>
      </c>
      <c r="DV7" s="24">
        <v>0</v>
      </c>
      <c r="DW7" s="24">
        <v>0</v>
      </c>
      <c r="DX7" s="24">
        <v>0</v>
      </c>
      <c r="DY7" s="24" t="s">
        <v>101</v>
      </c>
      <c r="DZ7" s="24" t="s">
        <v>101</v>
      </c>
      <c r="EA7" s="24">
        <v>0.98</v>
      </c>
      <c r="EB7" s="24">
        <v>0.56999999999999995</v>
      </c>
      <c r="EC7" s="24">
        <v>0.55000000000000004</v>
      </c>
      <c r="ED7" s="24">
        <v>6.54</v>
      </c>
      <c r="EE7" s="24" t="s">
        <v>101</v>
      </c>
      <c r="EF7" s="24" t="s">
        <v>101</v>
      </c>
      <c r="EG7" s="24">
        <v>0</v>
      </c>
      <c r="EH7" s="24">
        <v>0</v>
      </c>
      <c r="EI7" s="24">
        <v>0</v>
      </c>
      <c r="EJ7" s="24" t="s">
        <v>101</v>
      </c>
      <c r="EK7" s="24" t="s">
        <v>101</v>
      </c>
      <c r="EL7" s="24">
        <v>0.13</v>
      </c>
      <c r="EM7" s="24">
        <v>0.19</v>
      </c>
      <c r="EN7" s="24">
        <v>0.15</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2</v>
      </c>
      <c r="C9" s="26" t="s">
        <v>103</v>
      </c>
      <c r="D9" s="26" t="s">
        <v>104</v>
      </c>
      <c r="E9" s="26" t="s">
        <v>105</v>
      </c>
      <c r="F9" s="26" t="s">
        <v>106</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7</v>
      </c>
    </row>
    <row r="12" spans="1:148" x14ac:dyDescent="0.2">
      <c r="B12">
        <v>1</v>
      </c>
      <c r="C12">
        <v>1</v>
      </c>
      <c r="D12">
        <v>1</v>
      </c>
      <c r="E12">
        <v>2</v>
      </c>
      <c r="F12">
        <v>3</v>
      </c>
      <c r="G12" t="s">
        <v>108</v>
      </c>
    </row>
    <row r="13" spans="1:148" x14ac:dyDescent="0.2">
      <c r="B13" t="s">
        <v>109</v>
      </c>
      <c r="C13" t="s">
        <v>110</v>
      </c>
      <c r="D13" t="s">
        <v>111</v>
      </c>
      <c r="E13" t="s">
        <v>112</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2-12-01T01:16:56Z</dcterms:created>
  <dcterms:modified xsi:type="dcterms:W3CDTF">2023-02-02T07:49:32Z</dcterms:modified>
  <cp:category/>
</cp:coreProperties>
</file>